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0" yWindow="0" windowWidth="24000" windowHeight="9600"/>
  </bookViews>
  <sheets>
    <sheet name="Sheet1" sheetId="1" r:id="rId1"/>
  </sheet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15">
  <si>
    <t>Metered</t>
  </si>
  <si>
    <t>Current</t>
  </si>
  <si>
    <t>Proposed</t>
  </si>
  <si>
    <t>Bill</t>
  </si>
  <si>
    <t>%</t>
  </si>
  <si>
    <t>Energy</t>
  </si>
  <si>
    <t>Increase</t>
  </si>
  <si>
    <t>Change</t>
  </si>
  <si>
    <t>Company's Proposed Rate Design as Filed</t>
  </si>
  <si>
    <t>Staff 4-69 Request - Flat kWh Charge</t>
  </si>
  <si>
    <t>Average Customer</t>
  </si>
  <si>
    <t>Avg HEAP Customer</t>
  </si>
  <si>
    <t>Avg Heating Customer</t>
  </si>
  <si>
    <t xml:space="preserve">Staff 4-69 </t>
  </si>
  <si>
    <t>Residential Rate Design Comparison at various usage level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4" formatCode="_(&quot;$&quot;* #,##0.00_);_(&quot;$&quot;* \(#,##0.00\);_(&quot;$&quot;* &quot;-&quot;??_);_(@_)"/>
    <numFmt numFmtId="164" formatCode="0.0%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u/>
      <sz val="10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2" fillId="0" borderId="0"/>
  </cellStyleXfs>
  <cellXfs count="14">
    <xf numFmtId="0" fontId="0" fillId="0" borderId="0" xfId="0"/>
    <xf numFmtId="3" fontId="2" fillId="0" borderId="0" xfId="0" applyNumberFormat="1" applyFont="1" applyFill="1" applyBorder="1" applyAlignment="1">
      <alignment horizontal="right"/>
    </xf>
    <xf numFmtId="44" fontId="0" fillId="0" borderId="0" xfId="1" applyNumberFormat="1" applyFont="1" applyFill="1" applyAlignment="1">
      <alignment horizontal="center"/>
    </xf>
    <xf numFmtId="44" fontId="0" fillId="0" borderId="0" xfId="1" applyNumberFormat="1" applyFont="1" applyFill="1" applyBorder="1" applyAlignment="1">
      <alignment horizontal="center"/>
    </xf>
    <xf numFmtId="164" fontId="0" fillId="0" borderId="0" xfId="0" applyNumberFormat="1" applyFont="1" applyFill="1" applyAlignment="1">
      <alignment horizontal="center"/>
    </xf>
    <xf numFmtId="3" fontId="3" fillId="0" borderId="0" xfId="0" applyNumberFormat="1" applyFont="1" applyFill="1" applyBorder="1" applyAlignment="1">
      <alignment horizontal="right"/>
    </xf>
    <xf numFmtId="44" fontId="3" fillId="0" borderId="0" xfId="1" applyNumberFormat="1" applyFont="1" applyFill="1" applyAlignment="1">
      <alignment horizontal="center"/>
    </xf>
    <xf numFmtId="44" fontId="3" fillId="0" borderId="0" xfId="1" applyNumberFormat="1" applyFont="1" applyFill="1" applyBorder="1" applyAlignment="1">
      <alignment horizontal="center"/>
    </xf>
    <xf numFmtId="164" fontId="3" fillId="0" borderId="0" xfId="0" applyNumberFormat="1" applyFont="1" applyFill="1" applyAlignment="1">
      <alignment horizontal="center"/>
    </xf>
    <xf numFmtId="3" fontId="2" fillId="0" borderId="0" xfId="0" applyNumberFormat="1" applyFont="1" applyFill="1" applyAlignment="1"/>
    <xf numFmtId="44" fontId="0" fillId="0" borderId="0" xfId="1" applyNumberFormat="1" applyFont="1" applyFill="1" applyAlignment="1">
      <alignment horizontal="right"/>
    </xf>
    <xf numFmtId="164" fontId="0" fillId="0" borderId="0" xfId="0" applyNumberFormat="1" applyFont="1" applyFill="1" applyAlignment="1">
      <alignment horizontal="right"/>
    </xf>
    <xf numFmtId="0" fontId="0" fillId="0" borderId="0" xfId="0" applyFont="1"/>
    <xf numFmtId="0" fontId="0" fillId="0" borderId="1" xfId="0" applyBorder="1" applyAlignment="1">
      <alignment horizontal="center"/>
    </xf>
  </cellXfs>
  <cellStyles count="3">
    <cellStyle name="Currency" xfId="1" builtinId="4"/>
    <cellStyle name="Normal" xfId="0" builtinId="0"/>
    <cellStyle name="Normal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3"/>
  <sheetViews>
    <sheetView tabSelected="1" workbookViewId="0">
      <selection activeCell="K8" sqref="K8"/>
    </sheetView>
  </sheetViews>
  <sheetFormatPr defaultRowHeight="15" x14ac:dyDescent="0.25"/>
  <cols>
    <col min="1" max="1" width="21" customWidth="1"/>
  </cols>
  <sheetData>
    <row r="1" spans="1:6" x14ac:dyDescent="0.25">
      <c r="A1" t="s">
        <v>13</v>
      </c>
    </row>
    <row r="2" spans="1:6" x14ac:dyDescent="0.25">
      <c r="A2" t="s">
        <v>14</v>
      </c>
    </row>
    <row r="5" spans="1:6" x14ac:dyDescent="0.25">
      <c r="B5" s="13" t="s">
        <v>8</v>
      </c>
      <c r="C5" s="13"/>
      <c r="D5" s="13"/>
      <c r="E5" s="13"/>
      <c r="F5" s="13"/>
    </row>
    <row r="6" spans="1:6" x14ac:dyDescent="0.25">
      <c r="B6" s="1" t="s">
        <v>0</v>
      </c>
      <c r="C6" s="2" t="s">
        <v>1</v>
      </c>
      <c r="D6" s="3" t="s">
        <v>2</v>
      </c>
      <c r="E6" s="2" t="s">
        <v>3</v>
      </c>
      <c r="F6" s="4" t="s">
        <v>4</v>
      </c>
    </row>
    <row r="7" spans="1:6" x14ac:dyDescent="0.25">
      <c r="B7" s="5" t="s">
        <v>5</v>
      </c>
      <c r="C7" s="6" t="s">
        <v>3</v>
      </c>
      <c r="D7" s="7" t="s">
        <v>3</v>
      </c>
      <c r="E7" s="6" t="s">
        <v>6</v>
      </c>
      <c r="F7" s="8" t="s">
        <v>7</v>
      </c>
    </row>
    <row r="8" spans="1:6" x14ac:dyDescent="0.25">
      <c r="B8" s="9"/>
      <c r="C8" s="10"/>
      <c r="D8" s="10"/>
      <c r="E8" s="10"/>
      <c r="F8" s="11"/>
    </row>
    <row r="9" spans="1:6" x14ac:dyDescent="0.25">
      <c r="B9" s="9">
        <v>250</v>
      </c>
      <c r="C9" s="10">
        <v>41.370000000000005</v>
      </c>
      <c r="D9" s="10">
        <v>50.672880218749988</v>
      </c>
      <c r="E9" s="10">
        <v>9.3028802187499835</v>
      </c>
      <c r="F9" s="11">
        <v>0.22500000000000001</v>
      </c>
    </row>
    <row r="10" spans="1:6" x14ac:dyDescent="0.25">
      <c r="B10" s="9">
        <v>500</v>
      </c>
      <c r="C10" s="10">
        <v>66.819999999999993</v>
      </c>
      <c r="D10" s="10">
        <v>81.924097537499975</v>
      </c>
      <c r="E10" s="10">
        <v>15.104097537499982</v>
      </c>
      <c r="F10" s="11">
        <v>0.22600000000000001</v>
      </c>
    </row>
    <row r="11" spans="1:6" x14ac:dyDescent="0.25">
      <c r="A11" s="1"/>
      <c r="B11" s="9">
        <v>1000</v>
      </c>
      <c r="C11" s="10">
        <v>117.71</v>
      </c>
      <c r="D11" s="10">
        <v>140.75246157881506</v>
      </c>
      <c r="E11" s="10">
        <v>23.042461578815065</v>
      </c>
      <c r="F11" s="11">
        <v>0.19600000000000001</v>
      </c>
    </row>
    <row r="12" spans="1:6" x14ac:dyDescent="0.25">
      <c r="A12" s="1" t="s">
        <v>10</v>
      </c>
      <c r="B12" s="9">
        <v>1240</v>
      </c>
      <c r="C12" s="10">
        <v>142.13999999999999</v>
      </c>
      <c r="D12" s="10">
        <v>165.91185326173073</v>
      </c>
      <c r="E12" s="10">
        <v>23.77185326173074</v>
      </c>
      <c r="F12" s="11">
        <v>0.16700000000000001</v>
      </c>
    </row>
    <row r="13" spans="1:6" x14ac:dyDescent="0.25">
      <c r="A13" s="1" t="s">
        <v>11</v>
      </c>
      <c r="B13" s="9">
        <v>1367</v>
      </c>
      <c r="C13" s="10">
        <v>155.07</v>
      </c>
      <c r="D13" s="10">
        <v>179.22536469394018</v>
      </c>
      <c r="E13" s="10">
        <v>24.155364693940186</v>
      </c>
      <c r="F13" s="11">
        <v>0.156</v>
      </c>
    </row>
    <row r="14" spans="1:6" x14ac:dyDescent="0.25">
      <c r="A14" s="1" t="s">
        <v>12</v>
      </c>
      <c r="B14" s="9">
        <v>1480</v>
      </c>
      <c r="C14" s="10">
        <v>166.57999999999998</v>
      </c>
      <c r="D14" s="10">
        <v>191.07124494464634</v>
      </c>
      <c r="E14" s="10">
        <v>24.491244944646354</v>
      </c>
      <c r="F14" s="11">
        <v>0.14699999999999999</v>
      </c>
    </row>
    <row r="15" spans="1:6" x14ac:dyDescent="0.25">
      <c r="A15" s="12"/>
      <c r="B15" s="9">
        <v>1600</v>
      </c>
      <c r="C15" s="10">
        <v>178.79000000000002</v>
      </c>
      <c r="D15" s="10">
        <v>203.65094078610412</v>
      </c>
      <c r="E15" s="10">
        <v>24.860940786104095</v>
      </c>
      <c r="F15" s="11">
        <v>0.13900000000000001</v>
      </c>
    </row>
    <row r="16" spans="1:6" x14ac:dyDescent="0.25">
      <c r="A16" s="12"/>
      <c r="B16" s="9">
        <v>2000</v>
      </c>
      <c r="C16" s="10">
        <v>219.51</v>
      </c>
      <c r="D16" s="10">
        <v>245.58326025763014</v>
      </c>
      <c r="E16" s="10">
        <v>26.073260257630153</v>
      </c>
      <c r="F16" s="11">
        <v>0.11899999999999999</v>
      </c>
    </row>
    <row r="17" spans="1:6" x14ac:dyDescent="0.25">
      <c r="A17" s="12"/>
      <c r="B17" s="9">
        <v>4000</v>
      </c>
      <c r="C17" s="10">
        <v>423.09</v>
      </c>
      <c r="D17" s="10">
        <v>455.24485761526029</v>
      </c>
      <c r="E17" s="10">
        <v>32.154857615260312</v>
      </c>
      <c r="F17" s="11">
        <v>7.5999999999999998E-2</v>
      </c>
    </row>
    <row r="18" spans="1:6" x14ac:dyDescent="0.25">
      <c r="A18" s="12"/>
      <c r="B18" s="9"/>
      <c r="C18" s="10"/>
      <c r="D18" s="10"/>
      <c r="E18" s="10"/>
      <c r="F18" s="11"/>
    </row>
    <row r="19" spans="1:6" x14ac:dyDescent="0.25">
      <c r="A19" s="12"/>
    </row>
    <row r="20" spans="1:6" x14ac:dyDescent="0.25">
      <c r="A20" s="12"/>
      <c r="B20" s="13" t="s">
        <v>9</v>
      </c>
      <c r="C20" s="13"/>
      <c r="D20" s="13"/>
      <c r="E20" s="13"/>
      <c r="F20" s="13"/>
    </row>
    <row r="21" spans="1:6" x14ac:dyDescent="0.25">
      <c r="A21" s="12"/>
      <c r="B21" s="1" t="s">
        <v>0</v>
      </c>
      <c r="C21" s="2" t="s">
        <v>1</v>
      </c>
      <c r="D21" s="3" t="s">
        <v>2</v>
      </c>
      <c r="E21" s="2" t="s">
        <v>3</v>
      </c>
      <c r="F21" s="4" t="s">
        <v>4</v>
      </c>
    </row>
    <row r="22" spans="1:6" x14ac:dyDescent="0.25">
      <c r="A22" s="12"/>
      <c r="B22" s="5" t="s">
        <v>5</v>
      </c>
      <c r="C22" s="6" t="s">
        <v>3</v>
      </c>
      <c r="D22" s="7" t="s">
        <v>3</v>
      </c>
      <c r="E22" s="6" t="s">
        <v>6</v>
      </c>
      <c r="F22" s="8" t="s">
        <v>7</v>
      </c>
    </row>
    <row r="23" spans="1:6" x14ac:dyDescent="0.25">
      <c r="A23" s="12"/>
      <c r="B23" s="9"/>
      <c r="C23" s="10"/>
      <c r="D23" s="10"/>
      <c r="E23" s="10"/>
      <c r="F23" s="11"/>
    </row>
    <row r="24" spans="1:6" x14ac:dyDescent="0.25">
      <c r="A24" s="12"/>
      <c r="B24" s="9">
        <v>250</v>
      </c>
      <c r="C24" s="10">
        <v>41.370000000000005</v>
      </c>
      <c r="D24" s="10">
        <v>48.837880218750001</v>
      </c>
      <c r="E24" s="10">
        <v>7.4678802187499969</v>
      </c>
      <c r="F24" s="11">
        <v>0.18099999999999999</v>
      </c>
    </row>
    <row r="25" spans="1:6" x14ac:dyDescent="0.25">
      <c r="A25" s="12"/>
      <c r="B25" s="9">
        <v>500</v>
      </c>
      <c r="C25" s="10">
        <v>66.819999999999993</v>
      </c>
      <c r="D25" s="10">
        <v>78.254097537499987</v>
      </c>
      <c r="E25" s="10">
        <v>11.434097537499994</v>
      </c>
      <c r="F25" s="11">
        <v>0.17100000000000001</v>
      </c>
    </row>
    <row r="26" spans="1:6" x14ac:dyDescent="0.25">
      <c r="A26" s="12"/>
      <c r="B26" s="9">
        <v>1000</v>
      </c>
      <c r="C26" s="10">
        <v>117.71</v>
      </c>
      <c r="D26" s="10">
        <v>137.08653217499997</v>
      </c>
      <c r="E26" s="10">
        <v>19.37653217499998</v>
      </c>
      <c r="F26" s="11">
        <v>0.16500000000000001</v>
      </c>
    </row>
    <row r="27" spans="1:6" x14ac:dyDescent="0.25">
      <c r="A27" s="1" t="s">
        <v>10</v>
      </c>
      <c r="B27" s="9">
        <v>1240</v>
      </c>
      <c r="C27" s="10">
        <v>142.13999999999999</v>
      </c>
      <c r="D27" s="10">
        <v>165.326100801</v>
      </c>
      <c r="E27" s="10">
        <v>23.186100801000009</v>
      </c>
      <c r="F27" s="11">
        <v>0.16300000000000001</v>
      </c>
    </row>
    <row r="28" spans="1:6" x14ac:dyDescent="0.25">
      <c r="A28" s="1" t="s">
        <v>11</v>
      </c>
      <c r="B28" s="9">
        <v>1367</v>
      </c>
      <c r="C28" s="10">
        <v>155.07</v>
      </c>
      <c r="D28" s="10">
        <v>180.269539198925</v>
      </c>
      <c r="E28" s="10">
        <v>25.199539198925009</v>
      </c>
      <c r="F28" s="11">
        <v>0.16300000000000001</v>
      </c>
    </row>
    <row r="29" spans="1:6" x14ac:dyDescent="0.25">
      <c r="A29" s="1" t="s">
        <v>12</v>
      </c>
      <c r="B29" s="9">
        <v>1480</v>
      </c>
      <c r="C29" s="10">
        <v>166.57999999999998</v>
      </c>
      <c r="D29" s="10">
        <v>193.56566942699999</v>
      </c>
      <c r="E29" s="10">
        <v>26.985669427000005</v>
      </c>
      <c r="F29" s="11">
        <v>0.16200000000000001</v>
      </c>
    </row>
    <row r="30" spans="1:6" x14ac:dyDescent="0.25">
      <c r="A30" s="12"/>
      <c r="B30" s="9">
        <v>1600</v>
      </c>
      <c r="C30" s="10">
        <v>178.79000000000002</v>
      </c>
      <c r="D30" s="10">
        <v>207.68545373999999</v>
      </c>
      <c r="E30" s="10">
        <v>28.895453739999965</v>
      </c>
      <c r="F30" s="11">
        <v>0.16200000000000001</v>
      </c>
    </row>
    <row r="31" spans="1:6" x14ac:dyDescent="0.25">
      <c r="B31" s="9">
        <v>2000</v>
      </c>
      <c r="C31" s="10">
        <v>219.51</v>
      </c>
      <c r="D31" s="10">
        <v>254.75140144999997</v>
      </c>
      <c r="E31" s="10">
        <v>35.241401449999984</v>
      </c>
      <c r="F31" s="11">
        <v>0.161</v>
      </c>
    </row>
    <row r="32" spans="1:6" x14ac:dyDescent="0.25">
      <c r="B32" s="9">
        <v>4000</v>
      </c>
      <c r="C32" s="10">
        <v>423.09</v>
      </c>
      <c r="D32" s="10">
        <v>490.08114</v>
      </c>
      <c r="E32" s="10">
        <v>66.99114000000003</v>
      </c>
      <c r="F32" s="11">
        <v>0.158</v>
      </c>
    </row>
    <row r="33" spans="2:6" x14ac:dyDescent="0.25">
      <c r="B33" s="9"/>
      <c r="C33" s="10"/>
      <c r="D33" s="10"/>
      <c r="E33" s="10"/>
      <c r="F33" s="11"/>
    </row>
  </sheetData>
  <mergeCells count="2">
    <mergeCell ref="B5:F5"/>
    <mergeCell ref="B20:F20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537369E7-74AB-4309-ABFB-103C507B6F27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08-13T22:44:13Z</dcterms:created>
  <dcterms:modified xsi:type="dcterms:W3CDTF">2020-08-13T22:50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fcdc96ee-0733-4266-a8d4-a6c224875d64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